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2A3FAE" w:rsidRDefault="00D8727F">
      <w:r>
        <w:rPr>
          <w:noProof/>
        </w:rPr>
        <w:drawing>
          <wp:anchor distT="0" distB="0" distL="114300" distR="114300" simplePos="0" relativeHeight="251658240" behindDoc="0" locked="0" layoutInCell="1" allowOverlap="1" wp14:anchorId="56A2AA53" wp14:editId="396D1CDA">
            <wp:simplePos x="0" y="0"/>
            <wp:positionH relativeFrom="margin">
              <wp:align>center</wp:align>
            </wp:positionH>
            <wp:positionV relativeFrom="margin">
              <wp:align>center</wp:align>
            </wp:positionV>
            <wp:extent cx="8006080" cy="7031355"/>
            <wp:effectExtent l="0" t="0" r="0" b="0"/>
            <wp:wrapSquare wrapText="bothSides"/>
            <wp:docPr id="2" name="Picture 2" descr="C:\Users\s131752\Google Drive\2014-2015 Verkenners\Zomerkamp\Programmas\Levend Kolonisten van Catan\logos\noun_53275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1752\Google Drive\2014-2015 Verkenners\Zomerkamp\Programmas\Levend Kolonisten van Catan\logos\noun_53275_cc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006080" cy="70313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A3FAE">
        <w:br w:type="page"/>
      </w:r>
    </w:p>
    <w:tbl>
      <w:tblPr>
        <w:tblStyle w:val="TableGrid"/>
        <w:tblW w:w="10548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519"/>
        <w:gridCol w:w="3519"/>
        <w:gridCol w:w="3519"/>
      </w:tblGrid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lastRenderedPageBreak/>
              <w:drawing>
                <wp:inline distT="0" distB="0" distL="0" distR="0" wp14:anchorId="1DC5AA93" wp14:editId="432D9754">
                  <wp:extent cx="2097970" cy="1839432"/>
                  <wp:effectExtent l="0" t="0" r="0" b="0"/>
                  <wp:docPr id="3" name="Picture 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71347C2" wp14:editId="49B4B9F0">
                  <wp:extent cx="2097970" cy="1839432"/>
                  <wp:effectExtent l="0" t="0" r="0" b="0"/>
                  <wp:docPr id="17" name="Picture 1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354E0B92" wp14:editId="0E1EC2A6">
                  <wp:extent cx="2097970" cy="1839432"/>
                  <wp:effectExtent l="0" t="0" r="0" b="0"/>
                  <wp:docPr id="18" name="Picture 1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0EF9DA5D" wp14:editId="223AD14B">
                  <wp:extent cx="2097970" cy="1839432"/>
                  <wp:effectExtent l="0" t="0" r="0" b="0"/>
                  <wp:docPr id="19" name="Picture 1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57BE3DE" wp14:editId="3CE18946">
                  <wp:extent cx="2097970" cy="1839432"/>
                  <wp:effectExtent l="0" t="0" r="0" b="0"/>
                  <wp:docPr id="25" name="Picture 2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335C232A" wp14:editId="70BDC8D6">
                  <wp:extent cx="2097970" cy="1839432"/>
                  <wp:effectExtent l="0" t="0" r="0" b="0"/>
                  <wp:docPr id="36" name="Picture 3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71643965" wp14:editId="2CFAC65D">
                  <wp:extent cx="2097970" cy="1839432"/>
                  <wp:effectExtent l="0" t="0" r="0" b="0"/>
                  <wp:docPr id="20" name="Picture 2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B989C34" wp14:editId="18AD3622">
                  <wp:extent cx="2097970" cy="1839432"/>
                  <wp:effectExtent l="0" t="0" r="0" b="0"/>
                  <wp:docPr id="26" name="Picture 2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48027584" wp14:editId="21632784">
                  <wp:extent cx="2097970" cy="1839432"/>
                  <wp:effectExtent l="0" t="0" r="0" b="0"/>
                  <wp:docPr id="35" name="Picture 3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15D4B60C" wp14:editId="1C58A7CE">
                  <wp:extent cx="2097970" cy="1839432"/>
                  <wp:effectExtent l="0" t="0" r="0" b="0"/>
                  <wp:docPr id="21" name="Picture 2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02A3B38" wp14:editId="3F2E7B5B">
                  <wp:extent cx="2097970" cy="1839432"/>
                  <wp:effectExtent l="0" t="0" r="0" b="0"/>
                  <wp:docPr id="27" name="Picture 2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753F2BBF" wp14:editId="137E287D">
                  <wp:extent cx="2097970" cy="1839432"/>
                  <wp:effectExtent l="0" t="0" r="0" b="0"/>
                  <wp:docPr id="34" name="Picture 3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12FDB167" wp14:editId="298B6781">
                  <wp:extent cx="2097970" cy="1839432"/>
                  <wp:effectExtent l="0" t="0" r="0" b="0"/>
                  <wp:docPr id="22" name="Picture 2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40E8459" wp14:editId="1BF824EC">
                  <wp:extent cx="2097970" cy="1839432"/>
                  <wp:effectExtent l="0" t="0" r="0" b="0"/>
                  <wp:docPr id="28" name="Picture 2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19AD3C5E" wp14:editId="25F19254">
                  <wp:extent cx="2097970" cy="1839432"/>
                  <wp:effectExtent l="0" t="0" r="0" b="0"/>
                  <wp:docPr id="33" name="Picture 3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lastRenderedPageBreak/>
              <w:drawing>
                <wp:inline distT="0" distB="0" distL="0" distR="0" wp14:anchorId="49117A3F" wp14:editId="3E8B9E13">
                  <wp:extent cx="2097970" cy="1839432"/>
                  <wp:effectExtent l="0" t="0" r="0" b="0"/>
                  <wp:docPr id="23" name="Picture 2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D3C1AEB" wp14:editId="55E15EF2">
                  <wp:extent cx="2097970" cy="1839432"/>
                  <wp:effectExtent l="0" t="0" r="0" b="0"/>
                  <wp:docPr id="29" name="Picture 2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42043EE2" wp14:editId="37ED3D31">
                  <wp:extent cx="2097970" cy="1839432"/>
                  <wp:effectExtent l="0" t="0" r="0" b="0"/>
                  <wp:docPr id="32" name="Picture 3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544AC30E" wp14:editId="5329DB88">
                  <wp:extent cx="2097970" cy="1839432"/>
                  <wp:effectExtent l="0" t="0" r="0" b="0"/>
                  <wp:docPr id="24" name="Picture 2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7D7DC62" wp14:editId="7F2E4542">
                  <wp:extent cx="2097970" cy="1839432"/>
                  <wp:effectExtent l="0" t="0" r="0" b="0"/>
                  <wp:docPr id="30" name="Picture 3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r>
              <w:rPr>
                <w:noProof/>
              </w:rPr>
              <w:drawing>
                <wp:inline distT="0" distB="0" distL="0" distR="0" wp14:anchorId="2D23F4E1" wp14:editId="577637F9">
                  <wp:extent cx="2097970" cy="1839432"/>
                  <wp:effectExtent l="0" t="0" r="0" b="0"/>
                  <wp:docPr id="31" name="Picture 3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ECDE5CA" wp14:editId="5BF542BC">
                  <wp:extent cx="2097970" cy="1839432"/>
                  <wp:effectExtent l="0" t="0" r="0" b="0"/>
                  <wp:docPr id="37" name="Picture 3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B0E03A8" wp14:editId="13AF2A50">
                  <wp:extent cx="2097970" cy="1839432"/>
                  <wp:effectExtent l="0" t="0" r="0" b="0"/>
                  <wp:docPr id="38" name="Picture 3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1F6F04A" wp14:editId="396D2DAF">
                  <wp:extent cx="2097970" cy="1839432"/>
                  <wp:effectExtent l="0" t="0" r="0" b="0"/>
                  <wp:docPr id="39" name="Picture 3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F445316" wp14:editId="0B346509">
                  <wp:extent cx="2097970" cy="1839432"/>
                  <wp:effectExtent l="0" t="0" r="0" b="0"/>
                  <wp:docPr id="40" name="Picture 4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414CF47" wp14:editId="5D60BBCB">
                  <wp:extent cx="2097970" cy="1839432"/>
                  <wp:effectExtent l="0" t="0" r="0" b="0"/>
                  <wp:docPr id="41" name="Picture 4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3115541" wp14:editId="2B0077C8">
                  <wp:extent cx="2097970" cy="1839432"/>
                  <wp:effectExtent l="0" t="0" r="0" b="0"/>
                  <wp:docPr id="42" name="Picture 4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A3FAE" w:rsidTr="008122FC">
        <w:trPr>
          <w:trHeight w:val="144"/>
          <w:jc w:val="center"/>
        </w:trPr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C804E3D" wp14:editId="71464A2E">
                  <wp:extent cx="2097970" cy="1839432"/>
                  <wp:effectExtent l="0" t="0" r="0" b="0"/>
                  <wp:docPr id="43" name="Picture 4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098C69D" wp14:editId="70085145">
                  <wp:extent cx="2097970" cy="1839432"/>
                  <wp:effectExtent l="0" t="0" r="0" b="0"/>
                  <wp:docPr id="44" name="Picture 4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2A3FAE" w:rsidRDefault="002A3FAE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A22B4E9" wp14:editId="7083173F">
                  <wp:extent cx="2097970" cy="1839432"/>
                  <wp:effectExtent l="0" t="0" r="0" b="0"/>
                  <wp:docPr id="45" name="Picture 4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3B31CD36" wp14:editId="009A6909">
                  <wp:extent cx="2097970" cy="1839432"/>
                  <wp:effectExtent l="0" t="0" r="0" b="0"/>
                  <wp:docPr id="46" name="Picture 4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EBC3EA2" wp14:editId="56BBA7D1">
                  <wp:extent cx="2097970" cy="1839432"/>
                  <wp:effectExtent l="0" t="0" r="0" b="0"/>
                  <wp:docPr id="47" name="Picture 4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821CF7E" wp14:editId="44221B6B">
                  <wp:extent cx="2097970" cy="1839432"/>
                  <wp:effectExtent l="0" t="0" r="0" b="0"/>
                  <wp:docPr id="48" name="Picture 48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D3849C7" wp14:editId="437304D9">
                  <wp:extent cx="2097970" cy="1839432"/>
                  <wp:effectExtent l="0" t="0" r="0" b="0"/>
                  <wp:docPr id="49" name="Picture 49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8DE375" wp14:editId="145BC531">
                  <wp:extent cx="2097970" cy="1839432"/>
                  <wp:effectExtent l="0" t="0" r="0" b="0"/>
                  <wp:docPr id="50" name="Picture 50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FA8996E" wp14:editId="2212E662">
                  <wp:extent cx="2097970" cy="1839432"/>
                  <wp:effectExtent l="0" t="0" r="0" b="0"/>
                  <wp:docPr id="51" name="Picture 51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212754F" wp14:editId="592B3D3A">
                  <wp:extent cx="2097970" cy="1839432"/>
                  <wp:effectExtent l="0" t="0" r="0" b="0"/>
                  <wp:docPr id="52" name="Picture 52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AD8B8A1" wp14:editId="172FDB2C">
                  <wp:extent cx="2097970" cy="1839432"/>
                  <wp:effectExtent l="0" t="0" r="0" b="0"/>
                  <wp:docPr id="53" name="Picture 53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1F7E301" wp14:editId="3DCC63CC">
                  <wp:extent cx="2097970" cy="1839432"/>
                  <wp:effectExtent l="0" t="0" r="0" b="0"/>
                  <wp:docPr id="54" name="Picture 5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trHeight w:val="144"/>
          <w:jc w:val="center"/>
        </w:trPr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512CF61" wp14:editId="2DAA8452">
                  <wp:extent cx="2097970" cy="1839432"/>
                  <wp:effectExtent l="0" t="0" r="0" b="0"/>
                  <wp:docPr id="55" name="Picture 55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1A30D98" wp14:editId="674D1E7D">
                  <wp:extent cx="2097970" cy="1839432"/>
                  <wp:effectExtent l="0" t="0" r="0" b="0"/>
                  <wp:docPr id="56" name="Picture 56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16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49789F0" wp14:editId="14938A0A">
                  <wp:extent cx="2097970" cy="1839432"/>
                  <wp:effectExtent l="0" t="0" r="0" b="0"/>
                  <wp:docPr id="57" name="Picture 57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trHeight w:val="144"/>
          <w:jc w:val="center"/>
        </w:trPr>
        <w:tc>
          <w:tcPr>
            <w:tcW w:w="3516" w:type="dxa"/>
            <w:vAlign w:val="center"/>
          </w:tcPr>
          <w:p w:rsidR="001E48B9" w:rsidRPr="001E48B9" w:rsidRDefault="001E48B9" w:rsidP="001E48B9">
            <w:pPr>
              <w:rPr>
                <w:b/>
                <w:noProof/>
                <w:sz w:val="18"/>
                <w:szCs w:val="18"/>
              </w:rPr>
            </w:pPr>
            <w:r w:rsidRPr="001E48B9">
              <w:rPr>
                <w:b/>
                <w:noProof/>
                <w:sz w:val="20"/>
                <w:szCs w:val="20"/>
              </w:rPr>
              <w:t>Rover</w:t>
            </w:r>
            <w:r>
              <w:rPr>
                <w:b/>
                <w:noProof/>
                <w:sz w:val="20"/>
                <w:szCs w:val="20"/>
              </w:rPr>
              <w:t>regels</w:t>
            </w:r>
          </w:p>
          <w:p w:rsidR="001E48B9" w:rsidRPr="00A46205" w:rsidRDefault="001E48B9" w:rsidP="001E48B9">
            <w:pPr>
              <w:pStyle w:val="ListParagraph"/>
              <w:numPr>
                <w:ilvl w:val="0"/>
                <w:numId w:val="2"/>
              </w:numPr>
              <w:rPr>
                <w:noProof/>
                <w:sz w:val="18"/>
                <w:szCs w:val="18"/>
                <w:lang w:val="nl-NL"/>
              </w:rPr>
            </w:pPr>
            <w:r w:rsidRPr="00A46205">
              <w:rPr>
                <w:noProof/>
                <w:sz w:val="18"/>
                <w:szCs w:val="18"/>
                <w:lang w:val="nl-NL"/>
              </w:rPr>
              <w:t>De rover mag niet aanvallen in een stamgebied of bij de bank</w:t>
            </w:r>
          </w:p>
          <w:p w:rsidR="001E48B9" w:rsidRPr="00A46205" w:rsidRDefault="001E48B9" w:rsidP="001E48B9">
            <w:pPr>
              <w:pStyle w:val="ListParagraph"/>
              <w:numPr>
                <w:ilvl w:val="0"/>
                <w:numId w:val="2"/>
              </w:numPr>
              <w:rPr>
                <w:noProof/>
                <w:sz w:val="18"/>
                <w:szCs w:val="18"/>
                <w:lang w:val="nl-NL"/>
              </w:rPr>
            </w:pPr>
            <w:r w:rsidRPr="00A46205">
              <w:rPr>
                <w:noProof/>
                <w:sz w:val="18"/>
                <w:szCs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2"/>
              </w:numPr>
              <w:rPr>
                <w:noProof/>
                <w:sz w:val="18"/>
                <w:szCs w:val="18"/>
              </w:rPr>
            </w:pPr>
            <w:r w:rsidRPr="001E48B9">
              <w:rPr>
                <w:noProof/>
                <w:sz w:val="18"/>
                <w:szCs w:val="18"/>
              </w:rPr>
              <w:t>Je kunt geen huizen stelen</w:t>
            </w:r>
          </w:p>
          <w:p w:rsidR="001E48B9" w:rsidRPr="00A46205" w:rsidRDefault="001E48B9" w:rsidP="001E48B9">
            <w:pPr>
              <w:pStyle w:val="ListParagraph"/>
              <w:numPr>
                <w:ilvl w:val="0"/>
                <w:numId w:val="2"/>
              </w:numPr>
              <w:rPr>
                <w:noProof/>
                <w:sz w:val="18"/>
                <w:szCs w:val="18"/>
                <w:lang w:val="nl-NL"/>
              </w:rPr>
            </w:pPr>
            <w:r w:rsidRPr="00A46205">
              <w:rPr>
                <w:noProof/>
                <w:sz w:val="18"/>
                <w:szCs w:val="18"/>
                <w:lang w:val="nl-NL"/>
              </w:rPr>
              <w:t>De rover krijgt alleen de grondstoffen die het andere stam-lid op dat moment bij zich heeft</w:t>
            </w:r>
          </w:p>
          <w:p w:rsidR="00D8727F" w:rsidRPr="001E48B9" w:rsidRDefault="001E48B9" w:rsidP="001E48B9">
            <w:pPr>
              <w:pStyle w:val="ListParagraph"/>
              <w:numPr>
                <w:ilvl w:val="0"/>
                <w:numId w:val="2"/>
              </w:numPr>
              <w:rPr>
                <w:noProof/>
                <w:lang w:val="nl-NL"/>
              </w:rPr>
            </w:pPr>
            <w:r w:rsidRPr="00A46205">
              <w:rPr>
                <w:noProof/>
                <w:sz w:val="18"/>
                <w:szCs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16" w:type="dxa"/>
            <w:vAlign w:val="center"/>
          </w:tcPr>
          <w:p w:rsidR="00D8727F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16" w:type="dxa"/>
          </w:tcPr>
          <w:p w:rsidR="00D8727F" w:rsidRDefault="001E48B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D167BB" wp14:editId="32854B00">
                  <wp:extent cx="2097970" cy="1839432"/>
                  <wp:effectExtent l="0" t="0" r="0" b="0"/>
                  <wp:docPr id="14" name="Picture 14" descr="C:\Users\s131752\Google Drive\2014-2015 Verkenners\Zomerkamp\Programmas\Levend Kolonisten van Catan\logos\noun_53362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2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3338" cy="184413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8727F" w:rsidRDefault="00D8727F"/>
    <w:p w:rsidR="00D8727F" w:rsidRDefault="00D8727F">
      <w:r>
        <w:br w:type="page"/>
      </w:r>
    </w:p>
    <w:p w:rsidR="00D8727F" w:rsidRDefault="00D8727F">
      <w:r>
        <w:rPr>
          <w:noProof/>
        </w:rPr>
        <w:lastRenderedPageBreak/>
        <w:drawing>
          <wp:anchor distT="0" distB="0" distL="114300" distR="114300" simplePos="0" relativeHeight="251659264" behindDoc="0" locked="0" layoutInCell="1" allowOverlap="1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7920990" cy="6944995"/>
            <wp:effectExtent l="0" t="0" r="0" b="0"/>
            <wp:wrapSquare wrapText="bothSides"/>
            <wp:docPr id="106" name="Picture 106" descr="C:\Users\s131752\Google Drive\2014-2015 Verkenners\Zomerkamp\Programmas\Levend Kolonisten van Catan\logos\noun_53279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31752\Google Drive\2014-2015 Verkenners\Zomerkamp\Programmas\Levend Kolonisten van Catan\logos\noun_53279_cc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922682" cy="69462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10944" w:type="dxa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648"/>
        <w:gridCol w:w="3648"/>
        <w:gridCol w:w="3648"/>
      </w:tblGrid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lastRenderedPageBreak/>
              <w:drawing>
                <wp:inline distT="0" distB="0" distL="0" distR="0" wp14:anchorId="77725F07" wp14:editId="79B4760B">
                  <wp:extent cx="2179674" cy="1911069"/>
                  <wp:effectExtent l="0" t="0" r="0" b="0"/>
                  <wp:docPr id="61" name="Picture 6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B21706B" wp14:editId="6CE28C6A">
                  <wp:extent cx="2179674" cy="1911069"/>
                  <wp:effectExtent l="0" t="0" r="0" b="0"/>
                  <wp:docPr id="62" name="Picture 6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4A31ACA7" wp14:editId="6EB95CF4">
                  <wp:extent cx="2179674" cy="1911069"/>
                  <wp:effectExtent l="0" t="0" r="0" b="0"/>
                  <wp:docPr id="63" name="Picture 6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3A7A2CC" wp14:editId="211D31DF">
                  <wp:extent cx="2179674" cy="1911069"/>
                  <wp:effectExtent l="0" t="0" r="0" b="0"/>
                  <wp:docPr id="64" name="Picture 6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80EEF9B" wp14:editId="700B04F7">
                  <wp:extent cx="2179674" cy="1911069"/>
                  <wp:effectExtent l="0" t="0" r="0" b="0"/>
                  <wp:docPr id="65" name="Picture 6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1CA7B14" wp14:editId="7FE09823">
                  <wp:extent cx="2179674" cy="1911069"/>
                  <wp:effectExtent l="0" t="0" r="0" b="0"/>
                  <wp:docPr id="66" name="Picture 6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0F0DF8E" wp14:editId="03BCFE37">
                  <wp:extent cx="2179674" cy="1911069"/>
                  <wp:effectExtent l="0" t="0" r="0" b="0"/>
                  <wp:docPr id="67" name="Picture 6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4713D3B" wp14:editId="0746AB39">
                  <wp:extent cx="2179674" cy="1911069"/>
                  <wp:effectExtent l="0" t="0" r="0" b="0"/>
                  <wp:docPr id="68" name="Picture 6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3D235252" wp14:editId="0F19D880">
                  <wp:extent cx="2179674" cy="1911069"/>
                  <wp:effectExtent l="0" t="0" r="0" b="0"/>
                  <wp:docPr id="69" name="Picture 6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4EDE554" wp14:editId="6583B19D">
                  <wp:extent cx="2179674" cy="1911069"/>
                  <wp:effectExtent l="0" t="0" r="0" b="0"/>
                  <wp:docPr id="70" name="Picture 7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841B5AC" wp14:editId="5BE32E98">
                  <wp:extent cx="2179674" cy="1911069"/>
                  <wp:effectExtent l="0" t="0" r="0" b="0"/>
                  <wp:docPr id="71" name="Picture 7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357F7661" wp14:editId="75ED360F">
                  <wp:extent cx="2179674" cy="1911069"/>
                  <wp:effectExtent l="0" t="0" r="0" b="0"/>
                  <wp:docPr id="72" name="Picture 7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5F7C97B" wp14:editId="0DF923DE">
                  <wp:extent cx="2179674" cy="1911069"/>
                  <wp:effectExtent l="0" t="0" r="0" b="0"/>
                  <wp:docPr id="73" name="Picture 7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9E1A742" wp14:editId="50DA5DE0">
                  <wp:extent cx="2179674" cy="1911069"/>
                  <wp:effectExtent l="0" t="0" r="0" b="0"/>
                  <wp:docPr id="74" name="Picture 7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4503E7A" wp14:editId="7579C1EF">
                  <wp:extent cx="2179674" cy="1911069"/>
                  <wp:effectExtent l="0" t="0" r="0" b="0"/>
                  <wp:docPr id="75" name="Picture 7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4C2A6C6" wp14:editId="6A84F961">
                  <wp:extent cx="2179674" cy="1911069"/>
                  <wp:effectExtent l="0" t="0" r="0" b="0"/>
                  <wp:docPr id="76" name="Picture 7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A5FFD65" wp14:editId="1F88C889">
                  <wp:extent cx="2179674" cy="1911069"/>
                  <wp:effectExtent l="0" t="0" r="0" b="0"/>
                  <wp:docPr id="77" name="Picture 7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D81F620" wp14:editId="5DCC18F8">
                  <wp:extent cx="2179674" cy="1911069"/>
                  <wp:effectExtent l="0" t="0" r="0" b="0"/>
                  <wp:docPr id="78" name="Picture 7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24D9052" wp14:editId="34A67B32">
                  <wp:extent cx="2179674" cy="1911069"/>
                  <wp:effectExtent l="0" t="0" r="0" b="0"/>
                  <wp:docPr id="79" name="Picture 7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1D10C18" wp14:editId="7BC9FA3D">
                  <wp:extent cx="2179674" cy="1911069"/>
                  <wp:effectExtent l="0" t="0" r="0" b="0"/>
                  <wp:docPr id="80" name="Picture 8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E91EA3A" wp14:editId="0ED3747C">
                  <wp:extent cx="2179674" cy="1911069"/>
                  <wp:effectExtent l="0" t="0" r="0" b="0"/>
                  <wp:docPr id="81" name="Picture 8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FD55137" wp14:editId="259968A6">
                  <wp:extent cx="2179674" cy="1911069"/>
                  <wp:effectExtent l="0" t="0" r="0" b="0"/>
                  <wp:docPr id="82" name="Picture 8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9506E97" wp14:editId="6DAF58DD">
                  <wp:extent cx="2179674" cy="1911069"/>
                  <wp:effectExtent l="0" t="0" r="0" b="0"/>
                  <wp:docPr id="83" name="Picture 8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AF11775" wp14:editId="0E1DE967">
                  <wp:extent cx="2179674" cy="1911069"/>
                  <wp:effectExtent l="0" t="0" r="0" b="0"/>
                  <wp:docPr id="84" name="Picture 8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14363D5" wp14:editId="3159A3A5">
                  <wp:extent cx="2179674" cy="1911069"/>
                  <wp:effectExtent l="0" t="0" r="0" b="0"/>
                  <wp:docPr id="85" name="Picture 8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E7AC6F" wp14:editId="10CF00B5">
                  <wp:extent cx="2179674" cy="1911069"/>
                  <wp:effectExtent l="0" t="0" r="0" b="0"/>
                  <wp:docPr id="86" name="Picture 8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05AE62F" wp14:editId="6A3D8F62">
                  <wp:extent cx="2179674" cy="1911069"/>
                  <wp:effectExtent l="0" t="0" r="0" b="0"/>
                  <wp:docPr id="87" name="Picture 8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C1B5774" wp14:editId="1FF6DEB3">
                  <wp:extent cx="2179674" cy="1911069"/>
                  <wp:effectExtent l="0" t="0" r="0" b="0"/>
                  <wp:docPr id="88" name="Picture 8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CCA3F89" wp14:editId="55F441AF">
                  <wp:extent cx="2179674" cy="1911069"/>
                  <wp:effectExtent l="0" t="0" r="0" b="0"/>
                  <wp:docPr id="89" name="Picture 8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688CB64" wp14:editId="18EF75A0">
                  <wp:extent cx="2179674" cy="1911069"/>
                  <wp:effectExtent l="0" t="0" r="0" b="0"/>
                  <wp:docPr id="90" name="Picture 9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22C29A34" wp14:editId="1EA2886C">
                  <wp:extent cx="2179674" cy="1911069"/>
                  <wp:effectExtent l="0" t="0" r="0" b="0"/>
                  <wp:docPr id="91" name="Picture 9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C584E4E" wp14:editId="42C0F395">
                  <wp:extent cx="2179674" cy="1911069"/>
                  <wp:effectExtent l="0" t="0" r="0" b="0"/>
                  <wp:docPr id="92" name="Picture 9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4D6E85" wp14:editId="5895EAE3">
                  <wp:extent cx="2179674" cy="1911069"/>
                  <wp:effectExtent l="0" t="0" r="0" b="0"/>
                  <wp:docPr id="93" name="Picture 9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54C672F" wp14:editId="2F1F365D">
                  <wp:extent cx="2179674" cy="1911069"/>
                  <wp:effectExtent l="0" t="0" r="0" b="0"/>
                  <wp:docPr id="94" name="Picture 94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B7561C7" wp14:editId="413500E2">
                  <wp:extent cx="2179674" cy="1911069"/>
                  <wp:effectExtent l="0" t="0" r="0" b="0"/>
                  <wp:docPr id="95" name="Picture 95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96FC607" wp14:editId="400CD1E9">
                  <wp:extent cx="2179674" cy="1911069"/>
                  <wp:effectExtent l="0" t="0" r="0" b="0"/>
                  <wp:docPr id="96" name="Picture 96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CA1EBD1" wp14:editId="6AE0A0B7">
                  <wp:extent cx="2179674" cy="1911069"/>
                  <wp:effectExtent l="0" t="0" r="0" b="0"/>
                  <wp:docPr id="97" name="Picture 97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6828CFB" wp14:editId="196766CE">
                  <wp:extent cx="2179674" cy="1911069"/>
                  <wp:effectExtent l="0" t="0" r="0" b="0"/>
                  <wp:docPr id="98" name="Picture 98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DFBCB6" wp14:editId="58575DB8">
                  <wp:extent cx="2179674" cy="1911069"/>
                  <wp:effectExtent l="0" t="0" r="0" b="0"/>
                  <wp:docPr id="99" name="Picture 99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3332A99" wp14:editId="4CF605D3">
                  <wp:extent cx="2179674" cy="1911069"/>
                  <wp:effectExtent l="0" t="0" r="0" b="0"/>
                  <wp:docPr id="100" name="Picture 100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54A4C1E" wp14:editId="5E56D3EB">
                  <wp:extent cx="2179674" cy="1911069"/>
                  <wp:effectExtent l="0" t="0" r="0" b="0"/>
                  <wp:docPr id="101" name="Picture 101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648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40CC0FA" wp14:editId="38541229">
                  <wp:extent cx="2179674" cy="1911069"/>
                  <wp:effectExtent l="0" t="0" r="0" b="0"/>
                  <wp:docPr id="102" name="Picture 102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648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D872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648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D872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648" w:type="dxa"/>
          </w:tcPr>
          <w:p w:rsidR="00D8727F" w:rsidRDefault="001E48B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88E7B93" wp14:editId="7D278958">
                  <wp:extent cx="2179674" cy="1911069"/>
                  <wp:effectExtent l="0" t="0" r="0" b="0"/>
                  <wp:docPr id="103" name="Picture 103" descr="C:\Users\s131752\Google Drive\2014-2015 Verkenners\Zomerkamp\Programmas\Levend Kolonisten van Catan\logos\noun_53364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31752\Google Drive\2014-2015 Verkenners\Zomerkamp\Programmas\Levend Kolonisten van Catan\logos\noun_53364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86259" cy="191684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D8727F" w:rsidRDefault="00D8727F"/>
    <w:p w:rsidR="00D8727F" w:rsidRDefault="00D8727F">
      <w:r>
        <w:rPr>
          <w:noProof/>
        </w:rPr>
        <w:lastRenderedPageBreak/>
        <w:drawing>
          <wp:anchor distT="0" distB="0" distL="114300" distR="114300" simplePos="0" relativeHeight="251660288" behindDoc="0" locked="0" layoutInCell="1" allowOverlap="1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080375" cy="9774555"/>
            <wp:effectExtent l="0" t="0" r="0" b="0"/>
            <wp:wrapSquare wrapText="bothSides"/>
            <wp:docPr id="167" name="Picture 167" descr="C:\Users\s131752\Google Drive\2014-2015 Verkenners\Zomerkamp\Programmas\Levend Kolonisten van Catan\logos\noun_53276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31752\Google Drive\2014-2015 Verkenners\Zomerkamp\Programmas\Levend Kolonisten van Catan\logos\noun_53276_cc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4560" r="12960"/>
                    <a:stretch/>
                  </pic:blipFill>
                  <pic:spPr bwMode="auto">
                    <a:xfrm>
                      <a:off x="0" y="0"/>
                      <a:ext cx="8082199" cy="97766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lastRenderedPageBreak/>
              <w:drawing>
                <wp:inline distT="0" distB="0" distL="0" distR="0" wp14:anchorId="7A947BE7" wp14:editId="2D623897">
                  <wp:extent cx="2134351" cy="1871330"/>
                  <wp:effectExtent l="0" t="0" r="0" b="0"/>
                  <wp:docPr id="107" name="Picture 10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C21D372" wp14:editId="28B9870B">
                  <wp:extent cx="2134351" cy="1871330"/>
                  <wp:effectExtent l="0" t="0" r="0" b="0"/>
                  <wp:docPr id="122" name="Picture 12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07E8789" wp14:editId="41228B1B">
                  <wp:extent cx="2134351" cy="1871330"/>
                  <wp:effectExtent l="0" t="0" r="0" b="0"/>
                  <wp:docPr id="123" name="Picture 12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A997058" wp14:editId="6B77E257">
                  <wp:extent cx="2134351" cy="1871330"/>
                  <wp:effectExtent l="0" t="0" r="0" b="0"/>
                  <wp:docPr id="124" name="Picture 12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13325E7" wp14:editId="52420A53">
                  <wp:extent cx="2134351" cy="1871330"/>
                  <wp:effectExtent l="0" t="0" r="0" b="0"/>
                  <wp:docPr id="125" name="Picture 12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4A92F249" wp14:editId="0265B616">
                  <wp:extent cx="2134351" cy="1871330"/>
                  <wp:effectExtent l="0" t="0" r="0" b="0"/>
                  <wp:docPr id="126" name="Picture 12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8207D75" wp14:editId="1179D709">
                  <wp:extent cx="2134351" cy="1871330"/>
                  <wp:effectExtent l="0" t="0" r="0" b="0"/>
                  <wp:docPr id="127" name="Picture 12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0A3B2C8B" wp14:editId="1B2893C9">
                  <wp:extent cx="2134351" cy="1871330"/>
                  <wp:effectExtent l="0" t="0" r="0" b="0"/>
                  <wp:docPr id="128" name="Picture 12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7EBA3DD6" wp14:editId="49E3474F">
                  <wp:extent cx="2134351" cy="1871330"/>
                  <wp:effectExtent l="0" t="0" r="0" b="0"/>
                  <wp:docPr id="129" name="Picture 12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50685E9B" wp14:editId="4F02435D">
                  <wp:extent cx="2134351" cy="1871330"/>
                  <wp:effectExtent l="0" t="0" r="0" b="0"/>
                  <wp:docPr id="130" name="Picture 13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4DF2592" wp14:editId="1FB12343">
                  <wp:extent cx="2134351" cy="1871330"/>
                  <wp:effectExtent l="0" t="0" r="0" b="0"/>
                  <wp:docPr id="131" name="Picture 13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9A29748" wp14:editId="1D928C1C">
                  <wp:extent cx="2134351" cy="1871330"/>
                  <wp:effectExtent l="0" t="0" r="0" b="0"/>
                  <wp:docPr id="132" name="Picture 13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617887B4" wp14:editId="67FAFA2D">
                  <wp:extent cx="2134351" cy="1871330"/>
                  <wp:effectExtent l="0" t="0" r="0" b="0"/>
                  <wp:docPr id="134" name="Picture 13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225C7EDE" wp14:editId="517BE16A">
                  <wp:extent cx="2134351" cy="1871330"/>
                  <wp:effectExtent l="0" t="0" r="0" b="0"/>
                  <wp:docPr id="135" name="Picture 13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r>
              <w:rPr>
                <w:noProof/>
              </w:rPr>
              <w:drawing>
                <wp:inline distT="0" distB="0" distL="0" distR="0" wp14:anchorId="18838663" wp14:editId="08C74681">
                  <wp:extent cx="2134351" cy="1871330"/>
                  <wp:effectExtent l="0" t="0" r="0" b="0"/>
                  <wp:docPr id="136" name="Picture 13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029CACB0" wp14:editId="4F998B37">
                  <wp:extent cx="2134351" cy="1871330"/>
                  <wp:effectExtent l="0" t="0" r="0" b="0"/>
                  <wp:docPr id="137" name="Picture 13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07EAE6C" wp14:editId="26F6563A">
                  <wp:extent cx="2134351" cy="1871330"/>
                  <wp:effectExtent l="0" t="0" r="0" b="0"/>
                  <wp:docPr id="138" name="Picture 13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356C59D" wp14:editId="42E7EA02">
                  <wp:extent cx="2134351" cy="1871330"/>
                  <wp:effectExtent l="0" t="0" r="0" b="0"/>
                  <wp:docPr id="139" name="Picture 13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805F034" wp14:editId="56DCD6E7">
                  <wp:extent cx="2134351" cy="1871330"/>
                  <wp:effectExtent l="0" t="0" r="0" b="0"/>
                  <wp:docPr id="140" name="Picture 14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12D37DA" wp14:editId="6EC4A186">
                  <wp:extent cx="2134351" cy="1871330"/>
                  <wp:effectExtent l="0" t="0" r="0" b="0"/>
                  <wp:docPr id="141" name="Picture 14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8759123" wp14:editId="214D9E25">
                  <wp:extent cx="2134351" cy="1871330"/>
                  <wp:effectExtent l="0" t="0" r="0" b="0"/>
                  <wp:docPr id="142" name="Picture 14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1D6A8C0" wp14:editId="0314C1BE">
                  <wp:extent cx="2134351" cy="1871330"/>
                  <wp:effectExtent l="0" t="0" r="0" b="0"/>
                  <wp:docPr id="143" name="Picture 14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E595064" wp14:editId="536DF946">
                  <wp:extent cx="2134351" cy="1871330"/>
                  <wp:effectExtent l="0" t="0" r="0" b="0"/>
                  <wp:docPr id="144" name="Picture 14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D00E751" wp14:editId="66B6F60D">
                  <wp:extent cx="2134351" cy="1871330"/>
                  <wp:effectExtent l="0" t="0" r="0" b="0"/>
                  <wp:docPr id="145" name="Picture 14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2FB02BD" wp14:editId="22A5134F">
                  <wp:extent cx="2134351" cy="1871330"/>
                  <wp:effectExtent l="0" t="0" r="0" b="0"/>
                  <wp:docPr id="146" name="Picture 14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1E280E9" wp14:editId="597841DC">
                  <wp:extent cx="2134351" cy="1871330"/>
                  <wp:effectExtent l="0" t="0" r="0" b="0"/>
                  <wp:docPr id="147" name="Picture 14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5837F3E" wp14:editId="50B5640F">
                  <wp:extent cx="2134351" cy="1871330"/>
                  <wp:effectExtent l="0" t="0" r="0" b="0"/>
                  <wp:docPr id="148" name="Picture 14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4CB6B45" wp14:editId="2ADF0B7C">
                  <wp:extent cx="2134351" cy="1871330"/>
                  <wp:effectExtent l="0" t="0" r="0" b="0"/>
                  <wp:docPr id="149" name="Picture 14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9C87095" wp14:editId="2993EA7C">
                  <wp:extent cx="2134351" cy="1871330"/>
                  <wp:effectExtent l="0" t="0" r="0" b="0"/>
                  <wp:docPr id="150" name="Picture 15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A974F2B" wp14:editId="09C50056">
                  <wp:extent cx="2134351" cy="1871330"/>
                  <wp:effectExtent l="0" t="0" r="0" b="0"/>
                  <wp:docPr id="151" name="Picture 15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0FCAB8E9" wp14:editId="6F2485A1">
                  <wp:extent cx="2134351" cy="1871330"/>
                  <wp:effectExtent l="0" t="0" r="0" b="0"/>
                  <wp:docPr id="152" name="Picture 15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7275A29" wp14:editId="6BBACDA7">
                  <wp:extent cx="2134351" cy="1871330"/>
                  <wp:effectExtent l="0" t="0" r="0" b="0"/>
                  <wp:docPr id="153" name="Picture 15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8707C0C" wp14:editId="0E53C648">
                  <wp:extent cx="2134351" cy="1871330"/>
                  <wp:effectExtent l="0" t="0" r="0" b="0"/>
                  <wp:docPr id="154" name="Picture 15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B0E4483" wp14:editId="6D674B86">
                  <wp:extent cx="2134351" cy="1871330"/>
                  <wp:effectExtent l="0" t="0" r="0" b="0"/>
                  <wp:docPr id="155" name="Picture 155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EC95023" wp14:editId="7C141D50">
                  <wp:extent cx="2134351" cy="1871330"/>
                  <wp:effectExtent l="0" t="0" r="0" b="0"/>
                  <wp:docPr id="156" name="Picture 156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AB574A9" wp14:editId="0E492EC5">
                  <wp:extent cx="2134351" cy="1871330"/>
                  <wp:effectExtent l="0" t="0" r="0" b="0"/>
                  <wp:docPr id="157" name="Picture 157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9EC0097" wp14:editId="7DDF700D">
                  <wp:extent cx="2134351" cy="1871330"/>
                  <wp:effectExtent l="0" t="0" r="0" b="0"/>
                  <wp:docPr id="158" name="Picture 158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DAA2B2" wp14:editId="01A09029">
                  <wp:extent cx="2134351" cy="1871330"/>
                  <wp:effectExtent l="0" t="0" r="0" b="0"/>
                  <wp:docPr id="159" name="Picture 159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7C7345D" wp14:editId="0030817F">
                  <wp:extent cx="2134351" cy="1871330"/>
                  <wp:effectExtent l="0" t="0" r="0" b="0"/>
                  <wp:docPr id="160" name="Picture 160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0839B71" wp14:editId="63EF15DD">
                  <wp:extent cx="2134351" cy="1871330"/>
                  <wp:effectExtent l="0" t="0" r="0" b="0"/>
                  <wp:docPr id="161" name="Picture 161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626BAFD" wp14:editId="76E077D7">
                  <wp:extent cx="2134351" cy="1871330"/>
                  <wp:effectExtent l="0" t="0" r="0" b="0"/>
                  <wp:docPr id="162" name="Picture 162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D8727F" w:rsidRDefault="00D872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C625D95" wp14:editId="04ACD4F4">
                  <wp:extent cx="2134351" cy="1871330"/>
                  <wp:effectExtent l="0" t="0" r="0" b="0"/>
                  <wp:docPr id="163" name="Picture 163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8727F" w:rsidTr="008122FC">
        <w:trPr>
          <w:jc w:val="center"/>
        </w:trPr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D872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D872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</w:tcPr>
          <w:p w:rsidR="00D8727F" w:rsidRDefault="001E48B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53BA124" wp14:editId="0BA1E8CD">
                  <wp:extent cx="2134351" cy="1871330"/>
                  <wp:effectExtent l="0" t="0" r="0" b="0"/>
                  <wp:docPr id="164" name="Picture 164" descr="C:\Users\s131752\Google Drive\2014-2015 Verkenners\Zomerkamp\Programmas\Levend Kolonisten van Catan\logos\noun_53361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C:\Users\s131752\Google Drive\2014-2015 Verkenners\Zomerkamp\Programmas\Levend Kolonisten van Catan\logos\noun_53361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45942" cy="188149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2677F" w:rsidRDefault="0012677F"/>
    <w:p w:rsidR="0012677F" w:rsidRDefault="0012677F">
      <w:r>
        <w:rPr>
          <w:noProof/>
        </w:rPr>
        <w:lastRenderedPageBreak/>
        <w:drawing>
          <wp:anchor distT="0" distB="0" distL="114300" distR="114300" simplePos="0" relativeHeight="251661312" behindDoc="0" locked="0" layoutInCell="1" allowOverlap="1" wp14:anchorId="752D5C85" wp14:editId="68434264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952230" cy="7849235"/>
            <wp:effectExtent l="0" t="0" r="0" b="0"/>
            <wp:wrapSquare wrapText="bothSides"/>
            <wp:docPr id="199" name="Picture 199" descr="C:\Users\s131752\Google Drive\2014-2015 Verkenners\Zomerkamp\Programmas\Levend Kolonisten van Catan\logos\noun_53278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1752\Google Drive\2014-2015 Verkenners\Zomerkamp\Programmas\Levend Kolonisten van Catan\logos\noun_53278_cc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954225" cy="78506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r>
              <w:lastRenderedPageBreak/>
              <w:br w:type="page"/>
            </w:r>
            <w:r>
              <w:rPr>
                <w:noProof/>
              </w:rPr>
              <w:drawing>
                <wp:inline distT="0" distB="0" distL="0" distR="0" wp14:anchorId="03BB096A" wp14:editId="3964EBB1">
                  <wp:extent cx="2137144" cy="1873779"/>
                  <wp:effectExtent l="0" t="0" r="0" b="0"/>
                  <wp:docPr id="1" name="Picture 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FB2CA60" wp14:editId="390AC65A">
                  <wp:extent cx="2137144" cy="1873779"/>
                  <wp:effectExtent l="0" t="0" r="0" b="0"/>
                  <wp:docPr id="109" name="Picture 10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D683FBD" wp14:editId="536215B8">
                  <wp:extent cx="2137144" cy="1873779"/>
                  <wp:effectExtent l="0" t="0" r="0" b="0"/>
                  <wp:docPr id="110" name="Picture 11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74E8086F" wp14:editId="04988D4E">
                  <wp:extent cx="2137144" cy="1873779"/>
                  <wp:effectExtent l="0" t="0" r="0" b="0"/>
                  <wp:docPr id="111" name="Picture 11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B7189ED" wp14:editId="7DC549D2">
                  <wp:extent cx="2137144" cy="1873779"/>
                  <wp:effectExtent l="0" t="0" r="0" b="0"/>
                  <wp:docPr id="112" name="Picture 11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14ADFFBE" wp14:editId="7238D8A3">
                  <wp:extent cx="2137144" cy="1873779"/>
                  <wp:effectExtent l="0" t="0" r="0" b="0"/>
                  <wp:docPr id="113" name="Picture 11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09DBE366" wp14:editId="53AF6F09">
                  <wp:extent cx="2137144" cy="1873779"/>
                  <wp:effectExtent l="0" t="0" r="0" b="0"/>
                  <wp:docPr id="114" name="Picture 11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0C4381D7" wp14:editId="14D8D938">
                  <wp:extent cx="2137144" cy="1873779"/>
                  <wp:effectExtent l="0" t="0" r="0" b="0"/>
                  <wp:docPr id="115" name="Picture 11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5E11F117" wp14:editId="715ADE96">
                  <wp:extent cx="2137144" cy="1873779"/>
                  <wp:effectExtent l="0" t="0" r="0" b="0"/>
                  <wp:docPr id="116" name="Picture 11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461A1B86" wp14:editId="729EC742">
                  <wp:extent cx="2137144" cy="1873779"/>
                  <wp:effectExtent l="0" t="0" r="0" b="0"/>
                  <wp:docPr id="117" name="Picture 11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504F182D" wp14:editId="055F5117">
                  <wp:extent cx="2137144" cy="1873779"/>
                  <wp:effectExtent l="0" t="0" r="0" b="0"/>
                  <wp:docPr id="118" name="Picture 11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34B6918F" wp14:editId="5AFAE93F">
                  <wp:extent cx="2137144" cy="1873779"/>
                  <wp:effectExtent l="0" t="0" r="0" b="0"/>
                  <wp:docPr id="119" name="Picture 11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6D30EF8" wp14:editId="49F22E50">
                  <wp:extent cx="2137144" cy="1873779"/>
                  <wp:effectExtent l="0" t="0" r="0" b="0"/>
                  <wp:docPr id="120" name="Picture 12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6AE79451" wp14:editId="5131DEC9">
                  <wp:extent cx="2137144" cy="1873779"/>
                  <wp:effectExtent l="0" t="0" r="0" b="0"/>
                  <wp:docPr id="121" name="Picture 12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r>
              <w:rPr>
                <w:noProof/>
              </w:rPr>
              <w:drawing>
                <wp:inline distT="0" distB="0" distL="0" distR="0" wp14:anchorId="013CAC80" wp14:editId="0FB2580F">
                  <wp:extent cx="2137144" cy="1873779"/>
                  <wp:effectExtent l="0" t="0" r="0" b="0"/>
                  <wp:docPr id="133" name="Picture 13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47E8FBB6" wp14:editId="500D464D">
                  <wp:extent cx="2137144" cy="1873779"/>
                  <wp:effectExtent l="0" t="0" r="0" b="0"/>
                  <wp:docPr id="168" name="Picture 16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84EDDA7" wp14:editId="749A15CC">
                  <wp:extent cx="2137144" cy="1873779"/>
                  <wp:effectExtent l="0" t="0" r="0" b="0"/>
                  <wp:docPr id="169" name="Picture 16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4333E9" wp14:editId="6B2B54C6">
                  <wp:extent cx="2137144" cy="1873779"/>
                  <wp:effectExtent l="0" t="0" r="0" b="0"/>
                  <wp:docPr id="170" name="Picture 17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33020CA" wp14:editId="68669AE1">
                  <wp:extent cx="2137144" cy="1873779"/>
                  <wp:effectExtent l="0" t="0" r="0" b="0"/>
                  <wp:docPr id="171" name="Picture 17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3509E1B" wp14:editId="06CE3FAA">
                  <wp:extent cx="2137144" cy="1873779"/>
                  <wp:effectExtent l="0" t="0" r="0" b="0"/>
                  <wp:docPr id="172" name="Picture 17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16D05AB" wp14:editId="3E7F51B4">
                  <wp:extent cx="2137144" cy="1873779"/>
                  <wp:effectExtent l="0" t="0" r="0" b="0"/>
                  <wp:docPr id="174" name="Picture 17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1688868" wp14:editId="7245A80A">
                  <wp:extent cx="2137144" cy="1873779"/>
                  <wp:effectExtent l="0" t="0" r="0" b="0"/>
                  <wp:docPr id="175" name="Picture 17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54C728D" wp14:editId="10D39339">
                  <wp:extent cx="2137144" cy="1873779"/>
                  <wp:effectExtent l="0" t="0" r="0" b="0"/>
                  <wp:docPr id="176" name="Picture 17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FC398E6" wp14:editId="2DCD62F5">
                  <wp:extent cx="2137144" cy="1873779"/>
                  <wp:effectExtent l="0" t="0" r="0" b="0"/>
                  <wp:docPr id="177" name="Picture 17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8444082" wp14:editId="5D6B73DF">
                  <wp:extent cx="2137144" cy="1873779"/>
                  <wp:effectExtent l="0" t="0" r="0" b="0"/>
                  <wp:docPr id="178" name="Picture 17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60957B0" wp14:editId="0F75E171">
                  <wp:extent cx="2137144" cy="1873779"/>
                  <wp:effectExtent l="0" t="0" r="0" b="0"/>
                  <wp:docPr id="179" name="Picture 17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9B0A31C" wp14:editId="786E281C">
                  <wp:extent cx="2137144" cy="1873779"/>
                  <wp:effectExtent l="0" t="0" r="0" b="0"/>
                  <wp:docPr id="180" name="Picture 18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F94AF93" wp14:editId="26206376">
                  <wp:extent cx="2137144" cy="1873779"/>
                  <wp:effectExtent l="0" t="0" r="0" b="0"/>
                  <wp:docPr id="181" name="Picture 18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3945D2A" wp14:editId="2DC6F00C">
                  <wp:extent cx="2137144" cy="1873779"/>
                  <wp:effectExtent l="0" t="0" r="0" b="0"/>
                  <wp:docPr id="182" name="Picture 18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3F3C364" wp14:editId="799BB4A8">
                  <wp:extent cx="2137144" cy="1873779"/>
                  <wp:effectExtent l="0" t="0" r="0" b="0"/>
                  <wp:docPr id="183" name="Picture 18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2BD2FC75" wp14:editId="582BF0E4">
                  <wp:extent cx="2137144" cy="1873779"/>
                  <wp:effectExtent l="0" t="0" r="0" b="0"/>
                  <wp:docPr id="184" name="Picture 18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8C5333F" wp14:editId="304BB840">
                  <wp:extent cx="2137144" cy="1873779"/>
                  <wp:effectExtent l="0" t="0" r="0" b="0"/>
                  <wp:docPr id="185" name="Picture 18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3E84A36" wp14:editId="6173E716">
                  <wp:extent cx="2137144" cy="1873779"/>
                  <wp:effectExtent l="0" t="0" r="0" b="0"/>
                  <wp:docPr id="186" name="Picture 18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C0F1DCF" wp14:editId="5AF76723">
                  <wp:extent cx="2137144" cy="1873779"/>
                  <wp:effectExtent l="0" t="0" r="0" b="0"/>
                  <wp:docPr id="187" name="Picture 187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3C9ADB" wp14:editId="100DA80A">
                  <wp:extent cx="2137144" cy="1873779"/>
                  <wp:effectExtent l="0" t="0" r="0" b="0"/>
                  <wp:docPr id="188" name="Picture 188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6F4515C" wp14:editId="15E22C70">
                  <wp:extent cx="2137144" cy="1873779"/>
                  <wp:effectExtent l="0" t="0" r="0" b="0"/>
                  <wp:docPr id="189" name="Picture 189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0F3533A" wp14:editId="61CC8BC5">
                  <wp:extent cx="2137144" cy="1873779"/>
                  <wp:effectExtent l="0" t="0" r="0" b="0"/>
                  <wp:docPr id="190" name="Picture 190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1AEB24" wp14:editId="46BBB778">
                  <wp:extent cx="2137144" cy="1873779"/>
                  <wp:effectExtent l="0" t="0" r="0" b="0"/>
                  <wp:docPr id="191" name="Picture 191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A7A45F2" wp14:editId="2FDA161A">
                  <wp:extent cx="2137144" cy="1873779"/>
                  <wp:effectExtent l="0" t="0" r="0" b="0"/>
                  <wp:docPr id="192" name="Picture 192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173DD56" wp14:editId="74FEE02A">
                  <wp:extent cx="2137144" cy="1873779"/>
                  <wp:effectExtent l="0" t="0" r="0" b="0"/>
                  <wp:docPr id="193" name="Picture 193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0EAA6BD" wp14:editId="750B87AF">
                  <wp:extent cx="2137144" cy="1873779"/>
                  <wp:effectExtent l="0" t="0" r="0" b="0"/>
                  <wp:docPr id="194" name="Picture 194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12677F" w:rsidRDefault="0012677F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6613B7C" wp14:editId="6B33E813">
                  <wp:extent cx="2137144" cy="1873779"/>
                  <wp:effectExtent l="0" t="0" r="0" b="0"/>
                  <wp:docPr id="195" name="Picture 195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677F" w:rsidTr="008122FC">
        <w:trPr>
          <w:jc w:val="center"/>
        </w:trPr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1267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12677F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</w:tcPr>
          <w:p w:rsidR="0012677F" w:rsidRDefault="001E48B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EE33965" wp14:editId="7E1DC682">
                  <wp:extent cx="2137144" cy="1873779"/>
                  <wp:effectExtent l="0" t="0" r="0" b="0"/>
                  <wp:docPr id="196" name="Picture 196" descr="C:\Users\s131752\Google Drive\2014-2015 Verkenners\Zomerkamp\Programmas\Levend Kolonisten van Catan\logos\noun_53363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131752\Google Drive\2014-2015 Verkenners\Zomerkamp\Programmas\Levend Kolonisten van Catan\logos\noun_53363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37821" cy="187437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6E27F9" w:rsidRDefault="006E27F9"/>
    <w:p w:rsidR="006E27F9" w:rsidRDefault="006E27F9">
      <w:r>
        <w:rPr>
          <w:noProof/>
        </w:rPr>
        <w:lastRenderedPageBreak/>
        <w:drawing>
          <wp:anchor distT="0" distB="0" distL="114300" distR="114300" simplePos="0" relativeHeight="251662336" behindDoc="0" locked="0" layoutInCell="1" allowOverlap="1" wp14:anchorId="27057DB8" wp14:editId="18B4CAD2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580120" cy="7522845"/>
            <wp:effectExtent l="0" t="0" r="0" b="0"/>
            <wp:wrapSquare wrapText="bothSides"/>
            <wp:docPr id="248" name="Picture 248" descr="C:\Users\s131752\Google Drive\2014-2015 Verkenners\Zomerkamp\Programmas\Levend Kolonisten van Catan\logos\noun_53277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31752\Google Drive\2014-2015 Verkenners\Zomerkamp\Programmas\Levend Kolonisten van Catan\logos\noun_53277_cc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82018" cy="75243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br w:type="page"/>
      </w:r>
    </w:p>
    <w:tbl>
      <w:tblPr>
        <w:tblStyle w:val="TableGrid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r>
              <w:lastRenderedPageBreak/>
              <w:br w:type="page"/>
            </w:r>
            <w:r>
              <w:rPr>
                <w:noProof/>
              </w:rPr>
              <w:drawing>
                <wp:inline distT="0" distB="0" distL="0" distR="0" wp14:anchorId="7D7AB415" wp14:editId="675B9538">
                  <wp:extent cx="2105247" cy="1845814"/>
                  <wp:effectExtent l="0" t="0" r="0" b="0"/>
                  <wp:docPr id="200" name="Picture 20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3F786E78" wp14:editId="0A32C55E">
                  <wp:extent cx="2105247" cy="1845814"/>
                  <wp:effectExtent l="0" t="0" r="0" b="0"/>
                  <wp:docPr id="201" name="Picture 20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8CA5D78" wp14:editId="6670B8E1">
                  <wp:extent cx="2105247" cy="1845814"/>
                  <wp:effectExtent l="0" t="0" r="0" b="0"/>
                  <wp:docPr id="202" name="Picture 20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1B6C67BE" wp14:editId="28D4A79C">
                  <wp:extent cx="2105247" cy="1845814"/>
                  <wp:effectExtent l="0" t="0" r="0" b="0"/>
                  <wp:docPr id="203" name="Picture 20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012EDF5F" wp14:editId="7E3BEEDD">
                  <wp:extent cx="2105247" cy="1845814"/>
                  <wp:effectExtent l="0" t="0" r="0" b="0"/>
                  <wp:docPr id="204" name="Picture 20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C478CB2" wp14:editId="3FED69FF">
                  <wp:extent cx="2105247" cy="1845814"/>
                  <wp:effectExtent l="0" t="0" r="0" b="0"/>
                  <wp:docPr id="205" name="Picture 20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D170513" wp14:editId="572A864A">
                  <wp:extent cx="2105247" cy="1845814"/>
                  <wp:effectExtent l="0" t="0" r="0" b="0"/>
                  <wp:docPr id="206" name="Picture 20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156E9D4D" wp14:editId="4F955356">
                  <wp:extent cx="2105247" cy="1845814"/>
                  <wp:effectExtent l="0" t="0" r="0" b="0"/>
                  <wp:docPr id="207" name="Picture 20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2EAAE535" wp14:editId="6D27E95C">
                  <wp:extent cx="2105247" cy="1845814"/>
                  <wp:effectExtent l="0" t="0" r="0" b="0"/>
                  <wp:docPr id="208" name="Picture 20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04F4A09E" wp14:editId="37C27FFA">
                  <wp:extent cx="2105247" cy="1845814"/>
                  <wp:effectExtent l="0" t="0" r="0" b="0"/>
                  <wp:docPr id="209" name="Picture 20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3BB46499" wp14:editId="12842610">
                  <wp:extent cx="2105247" cy="1845814"/>
                  <wp:effectExtent l="0" t="0" r="0" b="0"/>
                  <wp:docPr id="210" name="Picture 21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72B4FD8A" wp14:editId="246F8D26">
                  <wp:extent cx="2105247" cy="1845814"/>
                  <wp:effectExtent l="0" t="0" r="0" b="0"/>
                  <wp:docPr id="211" name="Picture 21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4E8F83B7" wp14:editId="72BCDD8B">
                  <wp:extent cx="2105247" cy="1845814"/>
                  <wp:effectExtent l="0" t="0" r="0" b="0"/>
                  <wp:docPr id="212" name="Picture 21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528C0412" wp14:editId="60851A00">
                  <wp:extent cx="2105247" cy="1845814"/>
                  <wp:effectExtent l="0" t="0" r="0" b="0"/>
                  <wp:docPr id="213" name="Picture 21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r>
              <w:rPr>
                <w:noProof/>
              </w:rPr>
              <w:drawing>
                <wp:inline distT="0" distB="0" distL="0" distR="0" wp14:anchorId="6D436EAE" wp14:editId="4EF9ECA4">
                  <wp:extent cx="2105247" cy="1845814"/>
                  <wp:effectExtent l="0" t="0" r="0" b="0"/>
                  <wp:docPr id="214" name="Picture 21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5708FF6F" wp14:editId="0F3C1B32">
                  <wp:extent cx="2105247" cy="1845814"/>
                  <wp:effectExtent l="0" t="0" r="0" b="0"/>
                  <wp:docPr id="215" name="Picture 21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FEC06CA" wp14:editId="6CCD1AA5">
                  <wp:extent cx="2105247" cy="1845814"/>
                  <wp:effectExtent l="0" t="0" r="0" b="0"/>
                  <wp:docPr id="216" name="Picture 21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3840CAD" wp14:editId="4BE70F81">
                  <wp:extent cx="2105247" cy="1845814"/>
                  <wp:effectExtent l="0" t="0" r="0" b="0"/>
                  <wp:docPr id="217" name="Picture 21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B73D3C9" wp14:editId="15909419">
                  <wp:extent cx="2105247" cy="1845814"/>
                  <wp:effectExtent l="0" t="0" r="0" b="0"/>
                  <wp:docPr id="218" name="Picture 21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68E40E5" wp14:editId="7A5C8BC5">
                  <wp:extent cx="2105247" cy="1845814"/>
                  <wp:effectExtent l="0" t="0" r="0" b="0"/>
                  <wp:docPr id="219" name="Picture 21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B6B0B10" wp14:editId="64944073">
                  <wp:extent cx="2105247" cy="1845814"/>
                  <wp:effectExtent l="0" t="0" r="0" b="0"/>
                  <wp:docPr id="220" name="Picture 22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EB4DF5E" wp14:editId="1BE9DA43">
                  <wp:extent cx="2105247" cy="1845814"/>
                  <wp:effectExtent l="0" t="0" r="0" b="0"/>
                  <wp:docPr id="221" name="Picture 22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5671042" wp14:editId="0DE79E9A">
                  <wp:extent cx="2105247" cy="1845814"/>
                  <wp:effectExtent l="0" t="0" r="0" b="0"/>
                  <wp:docPr id="222" name="Picture 22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9BC3FB5" wp14:editId="15E4BA5B">
                  <wp:extent cx="2105247" cy="1845814"/>
                  <wp:effectExtent l="0" t="0" r="0" b="0"/>
                  <wp:docPr id="223" name="Picture 22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070D5C8" wp14:editId="03C608F1">
                  <wp:extent cx="2105247" cy="1845814"/>
                  <wp:effectExtent l="0" t="0" r="0" b="0"/>
                  <wp:docPr id="224" name="Picture 22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F51AA44" wp14:editId="5AFDD831">
                  <wp:extent cx="2105247" cy="1845814"/>
                  <wp:effectExtent l="0" t="0" r="0" b="0"/>
                  <wp:docPr id="225" name="Picture 22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75BBE18" wp14:editId="759886F1">
                  <wp:extent cx="2105247" cy="1845814"/>
                  <wp:effectExtent l="0" t="0" r="0" b="0"/>
                  <wp:docPr id="226" name="Picture 22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F372D52" wp14:editId="72D26C11">
                  <wp:extent cx="2105247" cy="1845814"/>
                  <wp:effectExtent l="0" t="0" r="0" b="0"/>
                  <wp:docPr id="227" name="Picture 22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D88BABF" wp14:editId="5170DA86">
                  <wp:extent cx="2105247" cy="1845814"/>
                  <wp:effectExtent l="0" t="0" r="0" b="0"/>
                  <wp:docPr id="228" name="Picture 22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17C15CD" wp14:editId="405D527B">
                  <wp:extent cx="2105247" cy="1845814"/>
                  <wp:effectExtent l="0" t="0" r="0" b="0"/>
                  <wp:docPr id="229" name="Picture 22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4280C684" wp14:editId="614C8E38">
                  <wp:extent cx="2105247" cy="1845814"/>
                  <wp:effectExtent l="0" t="0" r="0" b="0"/>
                  <wp:docPr id="230" name="Picture 23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0F8D322" wp14:editId="74C8A28E">
                  <wp:extent cx="2105247" cy="1845814"/>
                  <wp:effectExtent l="0" t="0" r="0" b="0"/>
                  <wp:docPr id="231" name="Picture 23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0110E4E" wp14:editId="395EB5C1">
                  <wp:extent cx="2105247" cy="1845814"/>
                  <wp:effectExtent l="0" t="0" r="0" b="0"/>
                  <wp:docPr id="232" name="Picture 23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7F1CBE8" wp14:editId="52285746">
                  <wp:extent cx="2105247" cy="1845814"/>
                  <wp:effectExtent l="0" t="0" r="0" b="0"/>
                  <wp:docPr id="233" name="Picture 233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0A90A05" wp14:editId="1FF249BF">
                  <wp:extent cx="2105247" cy="1845814"/>
                  <wp:effectExtent l="0" t="0" r="0" b="0"/>
                  <wp:docPr id="234" name="Picture 234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D03D577" wp14:editId="07210F19">
                  <wp:extent cx="2105247" cy="1845814"/>
                  <wp:effectExtent l="0" t="0" r="0" b="0"/>
                  <wp:docPr id="235" name="Picture 235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FCFA7E3" wp14:editId="2C6877FF">
                  <wp:extent cx="2105247" cy="1845814"/>
                  <wp:effectExtent l="0" t="0" r="0" b="0"/>
                  <wp:docPr id="236" name="Picture 236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ED044E2" wp14:editId="56EF645F">
                  <wp:extent cx="2105247" cy="1845814"/>
                  <wp:effectExtent l="0" t="0" r="0" b="0"/>
                  <wp:docPr id="237" name="Picture 237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8EA7B49" wp14:editId="16887324">
                  <wp:extent cx="2105247" cy="1845814"/>
                  <wp:effectExtent l="0" t="0" r="0" b="0"/>
                  <wp:docPr id="238" name="Picture 238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2342DF1" wp14:editId="36D35569">
                  <wp:extent cx="2105247" cy="1845814"/>
                  <wp:effectExtent l="0" t="0" r="0" b="0"/>
                  <wp:docPr id="239" name="Picture 239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4807555" wp14:editId="2F223611">
                  <wp:extent cx="2105247" cy="1845814"/>
                  <wp:effectExtent l="0" t="0" r="0" b="0"/>
                  <wp:docPr id="240" name="Picture 240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61" w:type="dxa"/>
          </w:tcPr>
          <w:p w:rsidR="006E27F9" w:rsidRDefault="006E27F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E80EB23" wp14:editId="42C98A10">
                  <wp:extent cx="2105247" cy="1845814"/>
                  <wp:effectExtent l="0" t="0" r="0" b="0"/>
                  <wp:docPr id="241" name="Picture 241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6E27F9" w:rsidTr="00A46205">
        <w:trPr>
          <w:jc w:val="center"/>
        </w:trPr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6E27F9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  <w:vAlign w:val="center"/>
          </w:tcPr>
          <w:p w:rsidR="001E48B9" w:rsidRPr="001E48B9" w:rsidRDefault="001E48B9" w:rsidP="001E48B9">
            <w:pPr>
              <w:rPr>
                <w:noProof/>
                <w:sz w:val="20"/>
              </w:rPr>
            </w:pPr>
            <w:r>
              <w:rPr>
                <w:b/>
                <w:noProof/>
                <w:sz w:val="20"/>
              </w:rPr>
              <w:t>Roverregels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mag niet aanvallen in een stamgebied of bij de bank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mag de persoon die jou overviel niet opnieuw aanval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Je kunt geen huizen stelen</w:t>
            </w:r>
          </w:p>
          <w:p w:rsidR="001E48B9" w:rsidRPr="001E48B9" w:rsidRDefault="001E48B9" w:rsidP="001E48B9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 krijgt alleen de grondstoffen die het andere stam-lid op dat moment bij zich heeft</w:t>
            </w:r>
          </w:p>
          <w:p w:rsidR="006E27F9" w:rsidRPr="001E48B9" w:rsidRDefault="001E48B9" w:rsidP="001E48B9">
            <w:pPr>
              <w:rPr>
                <w:noProof/>
                <w:lang w:val="nl-NL"/>
              </w:rPr>
            </w:pPr>
            <w:r w:rsidRPr="001E48B9">
              <w:rPr>
                <w:noProof/>
                <w:sz w:val="18"/>
                <w:lang w:val="nl-NL"/>
              </w:rPr>
              <w:t>De roverkaart moet je na het overvallen afgeven aan de persoon die je beroofd hebt.</w:t>
            </w:r>
          </w:p>
        </w:tc>
        <w:tc>
          <w:tcPr>
            <w:tcW w:w="3561" w:type="dxa"/>
          </w:tcPr>
          <w:p w:rsidR="006E27F9" w:rsidRDefault="001E48B9">
            <w:p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9615968" wp14:editId="36AFC9F1">
                  <wp:extent cx="2105247" cy="1845814"/>
                  <wp:effectExtent l="0" t="0" r="0" b="0"/>
                  <wp:docPr id="242" name="Picture 242" descr="C:\Users\s131752\Google Drive\2014-2015 Verkenners\Zomerkamp\Programmas\Levend Kolonisten van Catan\logos\noun_53365_cc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C:\Users\s131752\Google Drive\2014-2015 Verkenners\Zomerkamp\Programmas\Levend Kolonisten van Catan\logos\noun_53365_cc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05227" cy="184579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A46205" w:rsidRDefault="00A46205"/>
    <w:p w:rsidR="00A46205" w:rsidRDefault="00A46205">
      <w:r>
        <w:br w:type="page"/>
      </w:r>
    </w:p>
    <w:tbl>
      <w:tblPr>
        <w:tblStyle w:val="TableGrid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255" w:type="dxa"/>
          <w:right w:w="255" w:type="dxa"/>
        </w:tblCellMar>
        <w:tblLook w:val="04A0" w:firstRow="1" w:lastRow="0" w:firstColumn="1" w:lastColumn="0" w:noHBand="0" w:noVBand="1"/>
      </w:tblPr>
      <w:tblGrid>
        <w:gridCol w:w="3561"/>
        <w:gridCol w:w="3561"/>
        <w:gridCol w:w="3561"/>
      </w:tblGrid>
      <w:tr w:rsidR="00A46205" w:rsidRPr="006F1FEB" w:rsidTr="00736261">
        <w:trPr>
          <w:trHeight w:hRule="exact" w:val="2948"/>
          <w:jc w:val="center"/>
        </w:trPr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lastRenderedPageBreak/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</w:t>
            </w:r>
            <w:bookmarkStart w:id="0" w:name="_GoBack"/>
            <w:bookmarkEnd w:id="0"/>
            <w:r w:rsidRPr="006F1FEB">
              <w:rPr>
                <w:noProof/>
                <w:sz w:val="18"/>
                <w:szCs w:val="18"/>
                <w:lang w:val="nl-NL"/>
              </w:rPr>
              <w:t>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</w:tr>
      <w:tr w:rsidR="00A46205" w:rsidRPr="006F1FEB" w:rsidTr="00736261">
        <w:trPr>
          <w:trHeight w:hRule="exact" w:val="2948"/>
          <w:jc w:val="center"/>
        </w:trPr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</w:tr>
      <w:tr w:rsidR="00A46205" w:rsidRPr="006F1FEB" w:rsidTr="00736261">
        <w:trPr>
          <w:trHeight w:hRule="exact" w:val="2948"/>
          <w:jc w:val="center"/>
        </w:trPr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6F1FEB" w:rsidRDefault="006F1FEB" w:rsidP="006F1FEB">
            <w:pPr>
              <w:rPr>
                <w:noProof/>
                <w:sz w:val="20"/>
                <w:szCs w:val="20"/>
              </w:rPr>
            </w:pPr>
            <w:r w:rsidRPr="006F1FEB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</w:tr>
      <w:tr w:rsidR="00A46205" w:rsidRPr="006F1FEB" w:rsidTr="00736261">
        <w:trPr>
          <w:trHeight w:hRule="exact" w:val="2948"/>
          <w:jc w:val="center"/>
        </w:trPr>
        <w:tc>
          <w:tcPr>
            <w:tcW w:w="3561" w:type="dxa"/>
            <w:vAlign w:val="center"/>
          </w:tcPr>
          <w:p w:rsidR="006F1FEB" w:rsidRPr="00736261" w:rsidRDefault="006F1FEB" w:rsidP="006F1FEB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736261" w:rsidRDefault="006F1FEB" w:rsidP="006F1FEB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736261" w:rsidRDefault="006F1FEB" w:rsidP="006F1FEB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</w:tr>
      <w:tr w:rsidR="00A46205" w:rsidRPr="006F1FEB" w:rsidTr="00736261">
        <w:trPr>
          <w:trHeight w:hRule="exact" w:val="2948"/>
          <w:jc w:val="center"/>
        </w:trPr>
        <w:tc>
          <w:tcPr>
            <w:tcW w:w="3561" w:type="dxa"/>
            <w:vAlign w:val="center"/>
          </w:tcPr>
          <w:p w:rsidR="00A46205" w:rsidRPr="00736261" w:rsidRDefault="006F1FEB" w:rsidP="003A3BEE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</w:t>
            </w:r>
            <w:r w:rsidR="00A46205" w:rsidRPr="00736261">
              <w:rPr>
                <w:b/>
                <w:noProof/>
                <w:sz w:val="20"/>
                <w:szCs w:val="20"/>
              </w:rPr>
              <w:t>regels</w:t>
            </w:r>
          </w:p>
          <w:p w:rsidR="00A46205" w:rsidRPr="006F1FEB" w:rsidRDefault="00A46205" w:rsidP="003A3BEE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 xml:space="preserve">De </w:t>
            </w:r>
            <w:r w:rsidR="006F1FEB" w:rsidRPr="006F1FEB">
              <w:rPr>
                <w:noProof/>
                <w:sz w:val="18"/>
                <w:szCs w:val="18"/>
                <w:lang w:val="nl-NL"/>
              </w:rPr>
              <w:t>rat</w:t>
            </w:r>
            <w:r w:rsidRPr="006F1FEB">
              <w:rPr>
                <w:noProof/>
                <w:sz w:val="18"/>
                <w:szCs w:val="18"/>
                <w:lang w:val="nl-NL"/>
              </w:rPr>
              <w:t xml:space="preserve"> mag niet aanvallen in een stamgebied of bij de bank</w:t>
            </w:r>
          </w:p>
          <w:p w:rsidR="00A46205" w:rsidRPr="006F1FEB" w:rsidRDefault="00A46205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736261" w:rsidRDefault="006F1FEB" w:rsidP="006F1FEB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  <w:tc>
          <w:tcPr>
            <w:tcW w:w="3561" w:type="dxa"/>
            <w:vAlign w:val="center"/>
          </w:tcPr>
          <w:p w:rsidR="006F1FEB" w:rsidRPr="00736261" w:rsidRDefault="006F1FEB" w:rsidP="006F1FEB">
            <w:pPr>
              <w:rPr>
                <w:noProof/>
                <w:sz w:val="20"/>
                <w:szCs w:val="20"/>
              </w:rPr>
            </w:pPr>
            <w:r w:rsidRPr="00736261">
              <w:rPr>
                <w:b/>
                <w:noProof/>
                <w:sz w:val="20"/>
                <w:szCs w:val="20"/>
              </w:rPr>
              <w:t>Rattenregels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spacing w:after="200" w:line="276" w:lineRule="auto"/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De rat mag niet aanvallen in een stamgebied of bij de bank</w:t>
            </w:r>
          </w:p>
          <w:p w:rsidR="006F1FEB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Je kunt geen huizen stelen</w:t>
            </w:r>
          </w:p>
          <w:p w:rsidR="00A46205" w:rsidRPr="006F1FEB" w:rsidRDefault="006F1FEB" w:rsidP="006F1FEB">
            <w:pPr>
              <w:pStyle w:val="ListParagraph"/>
              <w:numPr>
                <w:ilvl w:val="0"/>
                <w:numId w:val="1"/>
              </w:numPr>
              <w:rPr>
                <w:noProof/>
                <w:sz w:val="18"/>
                <w:szCs w:val="18"/>
                <w:lang w:val="nl-NL"/>
              </w:rPr>
            </w:pPr>
            <w:r w:rsidRPr="006F1FEB">
              <w:rPr>
                <w:noProof/>
                <w:sz w:val="18"/>
                <w:szCs w:val="18"/>
                <w:lang w:val="nl-NL"/>
              </w:rPr>
              <w:t>Geroofde grondstoffen breng je naar de bank</w:t>
            </w:r>
          </w:p>
        </w:tc>
      </w:tr>
    </w:tbl>
    <w:p w:rsidR="00736E29" w:rsidRPr="006F1FEB" w:rsidRDefault="00736E29">
      <w:pPr>
        <w:rPr>
          <w:lang w:val="nl-NL"/>
        </w:rPr>
      </w:pPr>
    </w:p>
    <w:sectPr w:rsidR="00736E29" w:rsidRPr="006F1FEB" w:rsidSect="00450043">
      <w:pgSz w:w="11907" w:h="16840" w:code="9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24C07ED"/>
    <w:multiLevelType w:val="hybridMultilevel"/>
    <w:tmpl w:val="67A8252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>
    <w:nsid w:val="79FA3D14"/>
    <w:multiLevelType w:val="hybridMultilevel"/>
    <w:tmpl w:val="58180A3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20"/>
  <w:drawingGridHorizontalSpacing w:val="110"/>
  <w:displayHorizontalDrawingGridEvery w:val="2"/>
  <w:displayVerticalDrawingGridEvery w:val="2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50043"/>
    <w:rsid w:val="00086B04"/>
    <w:rsid w:val="0012677F"/>
    <w:rsid w:val="001E48B9"/>
    <w:rsid w:val="002A3FAE"/>
    <w:rsid w:val="00307BBC"/>
    <w:rsid w:val="00450043"/>
    <w:rsid w:val="00566763"/>
    <w:rsid w:val="006E27F9"/>
    <w:rsid w:val="006F1FEB"/>
    <w:rsid w:val="00736261"/>
    <w:rsid w:val="00736E29"/>
    <w:rsid w:val="008122FC"/>
    <w:rsid w:val="0084438D"/>
    <w:rsid w:val="00872747"/>
    <w:rsid w:val="00A46205"/>
    <w:rsid w:val="00AC5404"/>
    <w:rsid w:val="00B26FFF"/>
    <w:rsid w:val="00D8727F"/>
    <w:rsid w:val="00E23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4500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2A3F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A3FAE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1E48B9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4500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2A3FA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A3FAE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1E48B9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10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5.png"/><Relationship Id="rId5" Type="http://schemas.openxmlformats.org/officeDocument/2006/relationships/settings" Target="setting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4" Type="http://schemas.microsoft.com/office/2007/relationships/stylesWithEffects" Target="stylesWithEffect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3573D4E-80F0-4F7A-897C-EBCB4FA5F2C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4</TotalTime>
  <Pages>21</Pages>
  <Words>898</Words>
  <Characters>5124</Characters>
  <Application>Microsoft Office Word</Application>
  <DocSecurity>0</DocSecurity>
  <Lines>42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1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.A.F. Derks</dc:creator>
  <cp:lastModifiedBy>G.A.F. Derks</cp:lastModifiedBy>
  <cp:revision>6</cp:revision>
  <cp:lastPrinted>2015-07-09T12:55:00Z</cp:lastPrinted>
  <dcterms:created xsi:type="dcterms:W3CDTF">2015-07-09T12:10:00Z</dcterms:created>
  <dcterms:modified xsi:type="dcterms:W3CDTF">2015-07-10T22:32:00Z</dcterms:modified>
</cp:coreProperties>
</file>